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827"/>
  <workbookPr/>
  <mc:AlternateContent xmlns:mc="http://schemas.openxmlformats.org/markup-compatibility/2006">
    <mc:Choice Requires="x15">
      <x15ac:absPath xmlns:x15ac="http://schemas.microsoft.com/office/spreadsheetml/2010/11/ac" url="C:\Users\abbot\OneDrive\Up to 2021\Documents\Accounts\AGAR\2024 -  2025\"/>
    </mc:Choice>
  </mc:AlternateContent>
  <xr:revisionPtr revIDLastSave="0" documentId="13_ncr:1_{4FFE7267-40AB-4A7E-8B49-0C4A8707BF5A}" xr6:coauthVersionLast="47" xr6:coauthVersionMax="47" xr10:uidLastSave="{00000000-0000-0000-0000-000000000000}"/>
  <bookViews>
    <workbookView xWindow="-108" yWindow="-108" windowWidth="23256" windowHeight="12456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81029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F26" i="14"/>
  <c r="F23" i="14"/>
  <c r="G27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9" uniqueCount="80">
  <si>
    <t>Total</t>
  </si>
  <si>
    <t>Explanation (Ensure each explanation is quantified)</t>
  </si>
  <si>
    <t>Precept or rates and levies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Bal c/f checker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Accounting statements 2024-25</t>
  </si>
  <si>
    <t>2024/25</t>
  </si>
  <si>
    <t>2024/25       £</t>
  </si>
  <si>
    <t>£7382 Architect Fees for new Pavilion</t>
  </si>
  <si>
    <t>£5972 Burial ground Fence refurbishment</t>
  </si>
  <si>
    <t>BG Fence</t>
  </si>
  <si>
    <t>Election Fees</t>
  </si>
  <si>
    <t>Noticeboards</t>
  </si>
  <si>
    <t>CY Footpath</t>
  </si>
  <si>
    <t>FP Volunteers</t>
  </si>
  <si>
    <t>Community Orchard</t>
  </si>
  <si>
    <t>Hants Countryside</t>
  </si>
  <si>
    <t>Comm Supp. Group</t>
  </si>
  <si>
    <t>Sportfield/Pavilion</t>
  </si>
  <si>
    <t>Green Maint.</t>
  </si>
  <si>
    <t>Tree Inspec / Survey</t>
  </si>
  <si>
    <t>FY ending 24 - received burial ground income of £458 less &amp; less grants £2954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2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b/>
      <sz val="11"/>
      <name val="Calibri"/>
      <family val="2"/>
      <scheme val="minor"/>
    </font>
    <font>
      <sz val="8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9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20" fillId="0" borderId="2" xfId="0" applyFont="1" applyBorder="1"/>
    <xf numFmtId="0" fontId="6" fillId="0" borderId="3" xfId="0" applyFont="1" applyBorder="1"/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workbookViewId="0">
      <selection activeCell="C13" sqref="C13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3">
      <c r="B1" s="26" t="s">
        <v>63</v>
      </c>
    </row>
    <row r="3" spans="2:10" ht="15" customHeight="1" x14ac:dyDescent="0.3">
      <c r="B3" s="78" t="s">
        <v>36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5"/>
    <row r="5" spans="2:10" ht="15" customHeight="1" x14ac:dyDescent="0.3">
      <c r="B5" s="27"/>
      <c r="C5" s="77" t="s">
        <v>13</v>
      </c>
      <c r="D5" s="77"/>
      <c r="E5" s="47"/>
      <c r="F5" s="47"/>
      <c r="G5" s="47"/>
      <c r="H5" s="47"/>
      <c r="I5" s="37" t="s">
        <v>14</v>
      </c>
      <c r="J5" s="42" t="s">
        <v>40</v>
      </c>
    </row>
    <row r="6" spans="2:10" ht="28.8" x14ac:dyDescent="0.3">
      <c r="B6" s="28"/>
      <c r="C6" s="29">
        <v>45382</v>
      </c>
      <c r="D6" s="29">
        <v>45747</v>
      </c>
      <c r="E6" s="48" t="s">
        <v>41</v>
      </c>
      <c r="F6" s="48" t="s">
        <v>42</v>
      </c>
      <c r="G6" s="48"/>
      <c r="H6" s="48"/>
      <c r="I6" s="38" t="s">
        <v>35</v>
      </c>
      <c r="J6" s="43"/>
    </row>
    <row r="7" spans="2:10" s="21" customFormat="1" ht="28.8" x14ac:dyDescent="0.3">
      <c r="B7" s="30" t="s">
        <v>15</v>
      </c>
      <c r="C7" s="68">
        <v>53917</v>
      </c>
      <c r="D7" s="68">
        <v>63573</v>
      </c>
      <c r="E7" s="55"/>
      <c r="F7" s="55"/>
      <c r="G7" s="50"/>
      <c r="H7" s="50"/>
      <c r="I7" s="39" t="s">
        <v>34</v>
      </c>
      <c r="J7" s="44"/>
    </row>
    <row r="8" spans="2:10" s="21" customFormat="1" ht="28.8" x14ac:dyDescent="0.3">
      <c r="B8" s="30" t="s">
        <v>16</v>
      </c>
      <c r="C8" s="68">
        <v>39321</v>
      </c>
      <c r="D8" s="68">
        <v>43253</v>
      </c>
      <c r="E8" s="50">
        <f>D8-C8</f>
        <v>3932</v>
      </c>
      <c r="F8" s="49">
        <f>IF(AND(C8=0,D8=0),0,IF(C8=0,1,IF(D8=0,-1,(D8-C8)/C8)))</f>
        <v>9.9997456829683889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7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30" t="s">
        <v>18</v>
      </c>
      <c r="C9" s="68">
        <v>14940</v>
      </c>
      <c r="D9" s="68">
        <v>11528</v>
      </c>
      <c r="E9" s="50">
        <f t="shared" ref="E9:E12" si="0">D9-C9</f>
        <v>-3412</v>
      </c>
      <c r="F9" s="49">
        <f t="shared" ref="F9:F12" si="1">IF(AND(C9=0,D9=0),0,IF(C9=0,1,IF(D9=0,-1,(D9-C9)/C9)))</f>
        <v>-0.22838018741633198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19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1" t="s">
        <v>20</v>
      </c>
      <c r="C10" s="68">
        <v>13770</v>
      </c>
      <c r="D10" s="68">
        <v>13747</v>
      </c>
      <c r="E10" s="50">
        <f t="shared" si="0"/>
        <v>-23</v>
      </c>
      <c r="F10" s="49">
        <f t="shared" si="1"/>
        <v>-1.6702977487291213E-3</v>
      </c>
      <c r="G10" s="34" t="str">
        <f t="shared" si="2"/>
        <v>No</v>
      </c>
      <c r="H10" s="34" t="str">
        <f t="shared" si="3"/>
        <v>No</v>
      </c>
      <c r="I10" s="39" t="s">
        <v>21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1" t="s">
        <v>22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3</v>
      </c>
      <c r="J11" s="46" t="str">
        <f t="shared" si="4"/>
        <v>No explanation required</v>
      </c>
    </row>
    <row r="12" spans="2:10" ht="28.8" x14ac:dyDescent="0.3">
      <c r="B12" s="31" t="s">
        <v>24</v>
      </c>
      <c r="C12" s="68">
        <v>30835</v>
      </c>
      <c r="D12" s="68">
        <v>44189</v>
      </c>
      <c r="E12" s="50">
        <f t="shared" si="0"/>
        <v>13354</v>
      </c>
      <c r="F12" s="49">
        <f t="shared" si="1"/>
        <v>0.43307929301118858</v>
      </c>
      <c r="G12" s="34" t="str">
        <f t="shared" si="2"/>
        <v>No</v>
      </c>
      <c r="H12" s="34" t="str">
        <f t="shared" si="3"/>
        <v>Yes</v>
      </c>
      <c r="I12" s="39" t="s">
        <v>25</v>
      </c>
      <c r="J12" s="46" t="str">
        <f t="shared" si="4"/>
        <v>Please explain within the relevant tab</v>
      </c>
    </row>
    <row r="13" spans="2:10" ht="38.25" customHeight="1" thickBot="1" x14ac:dyDescent="0.35">
      <c r="B13" s="32" t="s">
        <v>26</v>
      </c>
      <c r="C13" s="69">
        <f>C7+C8+C9-C10-C11-C12</f>
        <v>63573</v>
      </c>
      <c r="D13" s="69">
        <f>D7+D8+D9-D10-D11-D12</f>
        <v>60418</v>
      </c>
      <c r="E13" s="56"/>
      <c r="F13" s="56"/>
      <c r="G13" s="51"/>
      <c r="H13" s="51"/>
      <c r="I13" s="40" t="s">
        <v>27</v>
      </c>
      <c r="J13" s="46" t="s">
        <v>58</v>
      </c>
    </row>
    <row r="14" spans="2:10" ht="15" thickBot="1" x14ac:dyDescent="0.35">
      <c r="B14" s="23"/>
      <c r="C14" s="52" t="s">
        <v>50</v>
      </c>
      <c r="D14" s="52" t="s">
        <v>50</v>
      </c>
      <c r="E14" s="52"/>
      <c r="F14" s="52"/>
      <c r="G14" s="52"/>
      <c r="H14" s="52"/>
      <c r="I14" s="25"/>
      <c r="J14" s="46"/>
    </row>
    <row r="15" spans="2:10" ht="28.8" x14ac:dyDescent="0.3">
      <c r="B15" s="33" t="s">
        <v>28</v>
      </c>
      <c r="C15" s="70">
        <v>63573</v>
      </c>
      <c r="D15" s="70">
        <v>60418</v>
      </c>
      <c r="E15" s="54"/>
      <c r="F15" s="57"/>
      <c r="G15" s="53"/>
      <c r="H15" s="53"/>
      <c r="I15" s="41" t="s">
        <v>29</v>
      </c>
      <c r="J15" s="45"/>
    </row>
    <row r="16" spans="2:10" ht="28.8" x14ac:dyDescent="0.3">
      <c r="B16" s="31" t="s">
        <v>30</v>
      </c>
      <c r="C16" s="68">
        <v>279520</v>
      </c>
      <c r="D16" s="68">
        <v>270520</v>
      </c>
      <c r="E16" s="50">
        <f>D16-C16</f>
        <v>-9000</v>
      </c>
      <c r="F16" s="49">
        <f t="shared" ref="F16:F17" si="5">IF(AND(C16=0,D16=0),0,IF(C16=0,1,IF(D16=0,-1,(D16-C16)/C16)))</f>
        <v>-3.2198053806525476E-2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1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2" t="s">
        <v>32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3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2</v>
      </c>
    </row>
    <row r="3" spans="2:6" x14ac:dyDescent="0.3">
      <c r="B3" s="8"/>
    </row>
    <row r="4" spans="2:6" x14ac:dyDescent="0.3">
      <c r="B4" t="s">
        <v>51</v>
      </c>
      <c r="C4" s="36">
        <f>'Accounting Statement'!C8</f>
        <v>39321</v>
      </c>
      <c r="D4" t="s">
        <v>64</v>
      </c>
      <c r="E4" s="36">
        <f>'Accounting Statement'!D8</f>
        <v>43253</v>
      </c>
    </row>
    <row r="6" spans="2:6" x14ac:dyDescent="0.3">
      <c r="D6" t="s">
        <v>3</v>
      </c>
      <c r="E6" s="1">
        <f>E4-C4</f>
        <v>3932</v>
      </c>
    </row>
    <row r="7" spans="2:6" x14ac:dyDescent="0.3">
      <c r="D7" t="s">
        <v>37</v>
      </c>
      <c r="E7" s="6">
        <f>IF(AND(C4=0,E4=0),0,IF(C4=0,1,IF(E4=0,-1,(E4-C4)/C4)))</f>
        <v>9.9997456829683889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5</v>
      </c>
    </row>
    <row r="10" spans="2:6" x14ac:dyDescent="0.3">
      <c r="B10" s="8"/>
    </row>
    <row r="11" spans="2:6" s="3" customFormat="1" ht="27.6" x14ac:dyDescent="0.3">
      <c r="B11" s="4" t="s">
        <v>52</v>
      </c>
      <c r="C11" s="4" t="s">
        <v>65</v>
      </c>
      <c r="D11" s="5" t="s">
        <v>3</v>
      </c>
      <c r="E11" s="83" t="s">
        <v>1</v>
      </c>
      <c r="F11" s="84"/>
    </row>
    <row r="12" spans="2:6" s="11" customFormat="1" x14ac:dyDescent="0.3">
      <c r="B12" s="12"/>
      <c r="C12" s="12"/>
      <c r="D12" s="13">
        <f t="shared" ref="D12:D25" si="0">C12-B12</f>
        <v>0</v>
      </c>
      <c r="E12" s="80"/>
      <c r="F12" s="81"/>
    </row>
    <row r="13" spans="2:6" s="11" customFormat="1" x14ac:dyDescent="0.3">
      <c r="B13" s="12"/>
      <c r="C13" s="12"/>
      <c r="D13" s="13">
        <f t="shared" si="0"/>
        <v>0</v>
      </c>
      <c r="E13" s="80"/>
      <c r="F13" s="81"/>
    </row>
    <row r="14" spans="2:6" s="11" customFormat="1" x14ac:dyDescent="0.3">
      <c r="B14" s="12"/>
      <c r="C14" s="12"/>
      <c r="D14" s="13">
        <f t="shared" si="0"/>
        <v>0</v>
      </c>
      <c r="E14" s="80"/>
      <c r="F14" s="81"/>
    </row>
    <row r="15" spans="2:6" s="11" customFormat="1" x14ac:dyDescent="0.3">
      <c r="B15" s="12"/>
      <c r="C15" s="12"/>
      <c r="D15" s="13">
        <f t="shared" si="0"/>
        <v>0</v>
      </c>
      <c r="E15" s="80"/>
      <c r="F15" s="81"/>
    </row>
    <row r="16" spans="2:6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x14ac:dyDescent="0.3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2"/>
      <c r="F26" s="81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4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15" sqref="E15:F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</v>
      </c>
    </row>
    <row r="3" spans="1:7" x14ac:dyDescent="0.3">
      <c r="B3" s="8"/>
    </row>
    <row r="4" spans="1:7" x14ac:dyDescent="0.3">
      <c r="B4" t="s">
        <v>51</v>
      </c>
      <c r="C4" s="36">
        <f>'Accounting Statement'!C9</f>
        <v>14940</v>
      </c>
      <c r="D4" t="s">
        <v>64</v>
      </c>
      <c r="E4" s="36">
        <f>'Accounting Statement'!D9</f>
        <v>11528</v>
      </c>
    </row>
    <row r="6" spans="1:7" x14ac:dyDescent="0.3">
      <c r="D6" t="s">
        <v>3</v>
      </c>
      <c r="E6" s="1">
        <f>E4-C4</f>
        <v>-3412</v>
      </c>
    </row>
    <row r="7" spans="1:7" x14ac:dyDescent="0.3">
      <c r="D7" t="s">
        <v>37</v>
      </c>
      <c r="E7" s="6">
        <f>IF(AND(C4=0,E4=0),0,IF(C4=0,1,IF(E4=0,-1,(E4-C4)/C4)))</f>
        <v>-0.22838018741633198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5</v>
      </c>
    </row>
    <row r="10" spans="1:7" x14ac:dyDescent="0.3">
      <c r="B10" s="76" t="s">
        <v>38</v>
      </c>
    </row>
    <row r="11" spans="1:7" x14ac:dyDescent="0.3">
      <c r="B11" s="76" t="s">
        <v>53</v>
      </c>
    </row>
    <row r="12" spans="1:7" x14ac:dyDescent="0.3">
      <c r="B12" s="76"/>
    </row>
    <row r="13" spans="1:7" x14ac:dyDescent="0.3">
      <c r="B13" s="8"/>
    </row>
    <row r="14" spans="1:7" s="3" customFormat="1" ht="27.6" x14ac:dyDescent="0.3">
      <c r="B14" s="4" t="s">
        <v>52</v>
      </c>
      <c r="C14" s="4" t="s">
        <v>65</v>
      </c>
      <c r="D14" s="5" t="s">
        <v>3</v>
      </c>
      <c r="E14" s="83" t="s">
        <v>1</v>
      </c>
      <c r="F14" s="84"/>
    </row>
    <row r="15" spans="1:7" s="17" customFormat="1" x14ac:dyDescent="0.3">
      <c r="A15" s="16"/>
      <c r="B15" s="13">
        <v>14940</v>
      </c>
      <c r="C15" s="13">
        <v>11528</v>
      </c>
      <c r="D15" s="74">
        <f>C15-B15</f>
        <v>-3412</v>
      </c>
      <c r="E15" s="85" t="s">
        <v>79</v>
      </c>
      <c r="F15" s="86"/>
      <c r="G15" s="16"/>
    </row>
    <row r="16" spans="1:7" s="11" customFormat="1" x14ac:dyDescent="0.3">
      <c r="B16" s="12"/>
      <c r="C16" s="12"/>
      <c r="D16" s="74">
        <f t="shared" ref="D16:D29" si="0">C16-B16</f>
        <v>0</v>
      </c>
      <c r="E16" s="80"/>
      <c r="F16" s="81"/>
    </row>
    <row r="17" spans="1:8" s="11" customFormat="1" x14ac:dyDescent="0.3">
      <c r="B17" s="12"/>
      <c r="C17" s="12"/>
      <c r="D17" s="74">
        <f t="shared" si="0"/>
        <v>0</v>
      </c>
      <c r="E17" s="80"/>
      <c r="F17" s="81"/>
    </row>
    <row r="18" spans="1:8" s="11" customFormat="1" x14ac:dyDescent="0.3">
      <c r="B18" s="12"/>
      <c r="C18" s="12"/>
      <c r="D18" s="74">
        <f t="shared" si="0"/>
        <v>0</v>
      </c>
      <c r="E18" s="80"/>
      <c r="F18" s="81"/>
    </row>
    <row r="19" spans="1:8" s="11" customFormat="1" x14ac:dyDescent="0.3">
      <c r="B19" s="12"/>
      <c r="C19" s="12"/>
      <c r="D19" s="74">
        <f t="shared" si="0"/>
        <v>0</v>
      </c>
      <c r="E19" s="80"/>
      <c r="F19" s="81"/>
    </row>
    <row r="20" spans="1:8" s="11" customFormat="1" x14ac:dyDescent="0.3">
      <c r="B20" s="12"/>
      <c r="C20" s="12"/>
      <c r="D20" s="74">
        <f t="shared" si="0"/>
        <v>0</v>
      </c>
      <c r="E20" s="80"/>
      <c r="F20" s="81"/>
    </row>
    <row r="21" spans="1:8" s="11" customFormat="1" x14ac:dyDescent="0.3">
      <c r="B21" s="12"/>
      <c r="C21" s="12"/>
      <c r="D21" s="74">
        <f t="shared" si="0"/>
        <v>0</v>
      </c>
      <c r="E21" s="80"/>
      <c r="F21" s="81"/>
    </row>
    <row r="22" spans="1:8" s="11" customFormat="1" x14ac:dyDescent="0.3">
      <c r="B22" s="12"/>
      <c r="C22" s="12"/>
      <c r="D22" s="74">
        <f t="shared" si="0"/>
        <v>0</v>
      </c>
      <c r="E22" s="80"/>
      <c r="F22" s="81"/>
    </row>
    <row r="23" spans="1:8" s="11" customFormat="1" x14ac:dyDescent="0.3">
      <c r="B23" s="12"/>
      <c r="C23" s="12"/>
      <c r="D23" s="74">
        <f t="shared" si="0"/>
        <v>0</v>
      </c>
      <c r="E23" s="80"/>
      <c r="F23" s="81"/>
    </row>
    <row r="24" spans="1:8" s="11" customFormat="1" x14ac:dyDescent="0.3">
      <c r="B24" s="12"/>
      <c r="C24" s="12"/>
      <c r="D24" s="74">
        <f t="shared" si="0"/>
        <v>0</v>
      </c>
      <c r="E24" s="80"/>
      <c r="F24" s="81"/>
    </row>
    <row r="25" spans="1:8" s="11" customFormat="1" x14ac:dyDescent="0.3">
      <c r="B25" s="12"/>
      <c r="C25" s="12"/>
      <c r="D25" s="74">
        <f t="shared" si="0"/>
        <v>0</v>
      </c>
      <c r="E25" s="80"/>
      <c r="F25" s="81"/>
    </row>
    <row r="26" spans="1:8" s="11" customFormat="1" x14ac:dyDescent="0.3">
      <c r="B26" s="12"/>
      <c r="C26" s="12"/>
      <c r="D26" s="74">
        <f t="shared" si="0"/>
        <v>0</v>
      </c>
      <c r="E26" s="80"/>
      <c r="F26" s="81"/>
    </row>
    <row r="27" spans="1:8" s="11" customFormat="1" x14ac:dyDescent="0.3">
      <c r="B27" s="12"/>
      <c r="C27" s="12"/>
      <c r="D27" s="74">
        <f t="shared" si="0"/>
        <v>0</v>
      </c>
      <c r="E27" s="80"/>
      <c r="F27" s="81"/>
    </row>
    <row r="28" spans="1:8" s="11" customFormat="1" x14ac:dyDescent="0.3">
      <c r="B28" s="12"/>
      <c r="C28" s="12"/>
      <c r="D28" s="74">
        <f t="shared" si="0"/>
        <v>0</v>
      </c>
      <c r="E28" s="80"/>
      <c r="F28" s="81"/>
    </row>
    <row r="29" spans="1:8" s="11" customFormat="1" x14ac:dyDescent="0.3">
      <c r="B29" s="12"/>
      <c r="C29" s="12"/>
      <c r="D29" s="74">
        <f t="shared" si="0"/>
        <v>0</v>
      </c>
      <c r="E29" s="80"/>
      <c r="F29" s="81"/>
    </row>
    <row r="30" spans="1:8" x14ac:dyDescent="0.3">
      <c r="A30" s="9" t="s">
        <v>0</v>
      </c>
      <c r="B30" s="10">
        <f>SUM(B15:B29)</f>
        <v>14940</v>
      </c>
      <c r="C30" s="10">
        <f>SUM(C15:C29)</f>
        <v>11528</v>
      </c>
      <c r="D30" s="75">
        <f>SUM(D15:D29)</f>
        <v>-3412</v>
      </c>
      <c r="E30" s="82"/>
      <c r="F30" s="81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4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28" sqref="B2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7</v>
      </c>
    </row>
    <row r="3" spans="1:7" x14ac:dyDescent="0.3">
      <c r="B3" s="8"/>
    </row>
    <row r="4" spans="1:7" x14ac:dyDescent="0.3">
      <c r="B4" t="s">
        <v>51</v>
      </c>
      <c r="C4" s="36">
        <f>'Accounting Statement'!C10</f>
        <v>13770</v>
      </c>
      <c r="D4" t="s">
        <v>64</v>
      </c>
      <c r="E4" s="36">
        <f>'Accounting Statement'!D10</f>
        <v>13747</v>
      </c>
    </row>
    <row r="6" spans="1:7" x14ac:dyDescent="0.3">
      <c r="D6" t="s">
        <v>3</v>
      </c>
      <c r="E6" s="1">
        <f>E4-C4</f>
        <v>-23</v>
      </c>
    </row>
    <row r="7" spans="1:7" x14ac:dyDescent="0.3">
      <c r="D7" t="s">
        <v>37</v>
      </c>
      <c r="E7" s="6">
        <f>IF(AND(C4=0,E4=0),0,IF(C4=0,1,IF(E4=0,-1,(E4-C4)/C4)))</f>
        <v>-1.6702977487291213E-3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5</v>
      </c>
    </row>
    <row r="10" spans="1:7" x14ac:dyDescent="0.3">
      <c r="B10" s="76" t="s">
        <v>62</v>
      </c>
    </row>
    <row r="11" spans="1:7" x14ac:dyDescent="0.3">
      <c r="B11" s="8"/>
    </row>
    <row r="12" spans="1:7" s="3" customFormat="1" ht="27.6" x14ac:dyDescent="0.3">
      <c r="B12" s="4" t="s">
        <v>52</v>
      </c>
      <c r="C12" s="4" t="s">
        <v>65</v>
      </c>
      <c r="D12" s="5" t="s">
        <v>3</v>
      </c>
      <c r="E12" s="83" t="s">
        <v>1</v>
      </c>
      <c r="F12" s="84"/>
    </row>
    <row r="13" spans="1:7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s="11" customFormat="1" x14ac:dyDescent="0.3">
      <c r="B27" s="12"/>
      <c r="C27" s="12"/>
      <c r="D27" s="13">
        <f t="shared" si="0"/>
        <v>0</v>
      </c>
      <c r="E27" s="80"/>
      <c r="F27" s="81"/>
    </row>
    <row r="28" spans="1:8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4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51</v>
      </c>
      <c r="C4" s="36">
        <f>'Accounting Statement'!C11</f>
        <v>0</v>
      </c>
      <c r="D4" t="s">
        <v>64</v>
      </c>
      <c r="E4" s="36">
        <f>'Accounting Statement'!D11</f>
        <v>0</v>
      </c>
    </row>
    <row r="6" spans="1:7" x14ac:dyDescent="0.3">
      <c r="D6" t="s">
        <v>3</v>
      </c>
      <c r="E6" s="1">
        <f>E4-C4</f>
        <v>0</v>
      </c>
    </row>
    <row r="7" spans="1:7" x14ac:dyDescent="0.3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5</v>
      </c>
    </row>
    <row r="10" spans="1:7" x14ac:dyDescent="0.3">
      <c r="B10" s="8"/>
    </row>
    <row r="11" spans="1:7" s="3" customFormat="1" ht="27.6" x14ac:dyDescent="0.3">
      <c r="B11" s="4" t="s">
        <v>52</v>
      </c>
      <c r="C11" s="4" t="s">
        <v>65</v>
      </c>
      <c r="D11" s="5" t="s">
        <v>3</v>
      </c>
      <c r="E11" s="83" t="s">
        <v>1</v>
      </c>
      <c r="F11" s="84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81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4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E15" sqref="E15:F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9</v>
      </c>
    </row>
    <row r="3" spans="1:8" x14ac:dyDescent="0.3">
      <c r="B3" s="8"/>
    </row>
    <row r="4" spans="1:8" x14ac:dyDescent="0.3">
      <c r="B4" t="s">
        <v>51</v>
      </c>
      <c r="C4" s="36">
        <f>'Accounting Statement'!C12</f>
        <v>30835</v>
      </c>
      <c r="D4" t="s">
        <v>64</v>
      </c>
      <c r="E4" s="36">
        <f>'Accounting Statement'!D12</f>
        <v>44189</v>
      </c>
    </row>
    <row r="6" spans="1:8" x14ac:dyDescent="0.3">
      <c r="D6" t="s">
        <v>3</v>
      </c>
      <c r="E6" s="1">
        <f>E4-C4</f>
        <v>13354</v>
      </c>
    </row>
    <row r="7" spans="1:8" x14ac:dyDescent="0.3">
      <c r="D7" t="s">
        <v>37</v>
      </c>
      <c r="E7" s="6">
        <f>IF(AND(C4=0,E4=0),0,IF(C4=0,1,IF(E4=0,-1,(E4-C4)/C4)))</f>
        <v>0.43307929301118858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5</v>
      </c>
    </row>
    <row r="10" spans="1:8" ht="15" x14ac:dyDescent="0.35">
      <c r="B10" s="18" t="s">
        <v>39</v>
      </c>
    </row>
    <row r="11" spans="1:8" x14ac:dyDescent="0.3">
      <c r="B11" s="76" t="s">
        <v>53</v>
      </c>
    </row>
    <row r="12" spans="1:8" x14ac:dyDescent="0.3">
      <c r="B12" s="8"/>
    </row>
    <row r="13" spans="1:8" s="3" customFormat="1" ht="27.6" x14ac:dyDescent="0.3">
      <c r="B13" s="4" t="s">
        <v>52</v>
      </c>
      <c r="C13" s="4" t="s">
        <v>65</v>
      </c>
      <c r="D13" s="5" t="s">
        <v>3</v>
      </c>
      <c r="E13" s="83" t="s">
        <v>1</v>
      </c>
      <c r="F13" s="84"/>
      <c r="G13" s="83" t="s">
        <v>54</v>
      </c>
      <c r="H13" s="84"/>
    </row>
    <row r="14" spans="1:8" s="17" customFormat="1" x14ac:dyDescent="0.3">
      <c r="A14" s="16"/>
      <c r="B14" s="13">
        <v>30835</v>
      </c>
      <c r="C14" s="13">
        <v>44189</v>
      </c>
      <c r="D14" s="74">
        <f>C14-B14</f>
        <v>13354</v>
      </c>
      <c r="E14" s="85" t="s">
        <v>66</v>
      </c>
      <c r="F14" s="86"/>
      <c r="G14" s="16"/>
    </row>
    <row r="15" spans="1:8" s="11" customFormat="1" x14ac:dyDescent="0.3">
      <c r="B15" s="12"/>
      <c r="C15" s="12"/>
      <c r="D15" s="74">
        <f t="shared" ref="D15:D28" si="0">C15-B15</f>
        <v>0</v>
      </c>
      <c r="E15" s="87" t="s">
        <v>67</v>
      </c>
      <c r="F15" s="88"/>
    </row>
    <row r="16" spans="1:8" s="11" customFormat="1" x14ac:dyDescent="0.3">
      <c r="B16" s="12"/>
      <c r="C16" s="12"/>
      <c r="D16" s="74">
        <f t="shared" si="0"/>
        <v>0</v>
      </c>
      <c r="E16" s="80"/>
      <c r="F16" s="81"/>
    </row>
    <row r="17" spans="1:8" s="11" customFormat="1" x14ac:dyDescent="0.3">
      <c r="B17" s="12"/>
      <c r="C17" s="12"/>
      <c r="D17" s="74">
        <f t="shared" si="0"/>
        <v>0</v>
      </c>
      <c r="E17" s="80"/>
      <c r="F17" s="81"/>
    </row>
    <row r="18" spans="1:8" s="11" customFormat="1" x14ac:dyDescent="0.3">
      <c r="B18" s="12"/>
      <c r="C18" s="12"/>
      <c r="D18" s="74">
        <f t="shared" si="0"/>
        <v>0</v>
      </c>
      <c r="E18" s="80"/>
      <c r="F18" s="81"/>
    </row>
    <row r="19" spans="1:8" s="11" customFormat="1" x14ac:dyDescent="0.3">
      <c r="B19" s="12"/>
      <c r="C19" s="12"/>
      <c r="D19" s="74">
        <f t="shared" si="0"/>
        <v>0</v>
      </c>
      <c r="E19" s="80"/>
      <c r="F19" s="81"/>
    </row>
    <row r="20" spans="1:8" s="11" customFormat="1" x14ac:dyDescent="0.3">
      <c r="B20" s="12"/>
      <c r="C20" s="12"/>
      <c r="D20" s="74">
        <f t="shared" si="0"/>
        <v>0</v>
      </c>
      <c r="E20" s="80"/>
      <c r="F20" s="81"/>
    </row>
    <row r="21" spans="1:8" s="11" customFormat="1" x14ac:dyDescent="0.3">
      <c r="B21" s="12"/>
      <c r="C21" s="12"/>
      <c r="D21" s="74">
        <f t="shared" si="0"/>
        <v>0</v>
      </c>
      <c r="E21" s="80"/>
      <c r="F21" s="81"/>
    </row>
    <row r="22" spans="1:8" s="11" customFormat="1" x14ac:dyDescent="0.3">
      <c r="B22" s="12"/>
      <c r="C22" s="12"/>
      <c r="D22" s="74">
        <f t="shared" si="0"/>
        <v>0</v>
      </c>
      <c r="E22" s="80"/>
      <c r="F22" s="81"/>
    </row>
    <row r="23" spans="1:8" s="11" customFormat="1" x14ac:dyDescent="0.3">
      <c r="B23" s="12"/>
      <c r="C23" s="12"/>
      <c r="D23" s="74">
        <f t="shared" si="0"/>
        <v>0</v>
      </c>
      <c r="E23" s="80"/>
      <c r="F23" s="81"/>
    </row>
    <row r="24" spans="1:8" s="11" customFormat="1" x14ac:dyDescent="0.3">
      <c r="B24" s="12"/>
      <c r="C24" s="12"/>
      <c r="D24" s="74">
        <f t="shared" si="0"/>
        <v>0</v>
      </c>
      <c r="E24" s="80"/>
      <c r="F24" s="81"/>
    </row>
    <row r="25" spans="1:8" s="11" customFormat="1" x14ac:dyDescent="0.3">
      <c r="B25" s="12"/>
      <c r="C25" s="12"/>
      <c r="D25" s="74">
        <f t="shared" si="0"/>
        <v>0</v>
      </c>
      <c r="E25" s="80"/>
      <c r="F25" s="81"/>
    </row>
    <row r="26" spans="1:8" s="11" customFormat="1" x14ac:dyDescent="0.3">
      <c r="B26" s="12"/>
      <c r="C26" s="12"/>
      <c r="D26" s="74">
        <f t="shared" si="0"/>
        <v>0</v>
      </c>
      <c r="E26" s="80"/>
      <c r="F26" s="81"/>
    </row>
    <row r="27" spans="1:8" s="11" customFormat="1" x14ac:dyDescent="0.3">
      <c r="B27" s="12"/>
      <c r="C27" s="12"/>
      <c r="D27" s="74">
        <f t="shared" si="0"/>
        <v>0</v>
      </c>
      <c r="E27" s="80"/>
      <c r="F27" s="81"/>
    </row>
    <row r="28" spans="1:8" s="11" customFormat="1" x14ac:dyDescent="0.3">
      <c r="B28" s="12"/>
      <c r="C28" s="12"/>
      <c r="D28" s="74">
        <f t="shared" si="0"/>
        <v>0</v>
      </c>
      <c r="E28" s="80"/>
      <c r="F28" s="81"/>
    </row>
    <row r="29" spans="1:8" x14ac:dyDescent="0.3">
      <c r="A29" s="9" t="s">
        <v>0</v>
      </c>
      <c r="B29" s="10">
        <f>SUM(B14:B28)</f>
        <v>30835</v>
      </c>
      <c r="C29" s="10">
        <f>SUM(C14:C28)</f>
        <v>44189</v>
      </c>
      <c r="D29" s="75">
        <f>SUM(D14:D28)</f>
        <v>13354</v>
      </c>
      <c r="E29" s="82"/>
      <c r="F29" s="81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4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8"/>
  <sheetViews>
    <sheetView topLeftCell="A8" workbookViewId="0">
      <selection activeCell="E26" sqref="E26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7" x14ac:dyDescent="0.3">
      <c r="B1" s="64" t="s">
        <v>43</v>
      </c>
    </row>
    <row r="3" spans="2:7" x14ac:dyDescent="0.3">
      <c r="B3" s="60"/>
    </row>
    <row r="4" spans="2:7" x14ac:dyDescent="0.3">
      <c r="B4" s="59" t="s">
        <v>44</v>
      </c>
      <c r="C4" s="65">
        <f>'Accounting Statement'!D13</f>
        <v>60418</v>
      </c>
      <c r="D4" s="59" t="s">
        <v>45</v>
      </c>
      <c r="E4" s="65">
        <f>'Accounting Statement'!D8</f>
        <v>43253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6</v>
      </c>
      <c r="F8" s="60" t="s">
        <v>46</v>
      </c>
      <c r="G8" s="60" t="s">
        <v>46</v>
      </c>
    </row>
    <row r="9" spans="2:7" x14ac:dyDescent="0.3">
      <c r="B9" s="60" t="s">
        <v>47</v>
      </c>
    </row>
    <row r="10" spans="2:7" x14ac:dyDescent="0.3">
      <c r="C10" s="61" t="s">
        <v>72</v>
      </c>
      <c r="E10" s="61">
        <v>1000</v>
      </c>
    </row>
    <row r="11" spans="2:7" x14ac:dyDescent="0.3">
      <c r="C11" s="61" t="s">
        <v>68</v>
      </c>
      <c r="E11" s="61">
        <v>1250</v>
      </c>
    </row>
    <row r="12" spans="2:7" x14ac:dyDescent="0.3">
      <c r="C12" s="61" t="s">
        <v>74</v>
      </c>
      <c r="E12" s="61">
        <v>712.56</v>
      </c>
    </row>
    <row r="13" spans="2:7" x14ac:dyDescent="0.3">
      <c r="C13" s="61" t="s">
        <v>73</v>
      </c>
      <c r="E13" s="61">
        <v>152.75</v>
      </c>
    </row>
    <row r="14" spans="2:7" x14ac:dyDescent="0.3">
      <c r="C14" s="61" t="s">
        <v>75</v>
      </c>
      <c r="E14" s="61">
        <v>356.12</v>
      </c>
    </row>
    <row r="15" spans="2:7" x14ac:dyDescent="0.3">
      <c r="C15" s="61" t="s">
        <v>76</v>
      </c>
      <c r="E15" s="61">
        <v>1717.03</v>
      </c>
    </row>
    <row r="16" spans="2:7" x14ac:dyDescent="0.3">
      <c r="C16" s="61" t="s">
        <v>69</v>
      </c>
      <c r="E16" s="61">
        <v>3025</v>
      </c>
    </row>
    <row r="17" spans="2:7" x14ac:dyDescent="0.3">
      <c r="C17" s="61" t="s">
        <v>70</v>
      </c>
      <c r="E17" s="61">
        <v>900</v>
      </c>
    </row>
    <row r="18" spans="2:7" x14ac:dyDescent="0.3">
      <c r="C18" s="61" t="s">
        <v>77</v>
      </c>
      <c r="E18" s="61">
        <v>326</v>
      </c>
    </row>
    <row r="19" spans="2:7" x14ac:dyDescent="0.3">
      <c r="C19" s="61" t="s">
        <v>78</v>
      </c>
      <c r="E19" s="61">
        <v>670</v>
      </c>
    </row>
    <row r="20" spans="2:7" x14ac:dyDescent="0.3">
      <c r="C20" s="61" t="s">
        <v>71</v>
      </c>
      <c r="E20" s="61">
        <v>10000</v>
      </c>
    </row>
    <row r="21" spans="2:7" x14ac:dyDescent="0.3">
      <c r="C21" s="61"/>
      <c r="E21" s="61"/>
    </row>
    <row r="22" spans="2:7" x14ac:dyDescent="0.3">
      <c r="C22" s="61"/>
      <c r="E22" s="61"/>
    </row>
    <row r="23" spans="2:7" x14ac:dyDescent="0.3">
      <c r="F23" s="62">
        <f>SUM(E10:E22)</f>
        <v>20109.46</v>
      </c>
    </row>
    <row r="25" spans="2:7" x14ac:dyDescent="0.3">
      <c r="B25" s="60" t="s">
        <v>48</v>
      </c>
      <c r="E25" s="61">
        <v>40309</v>
      </c>
    </row>
    <row r="26" spans="2:7" x14ac:dyDescent="0.3">
      <c r="F26" s="62">
        <f>E25</f>
        <v>40309</v>
      </c>
    </row>
    <row r="27" spans="2:7" ht="15" thickBot="1" x14ac:dyDescent="0.35">
      <c r="B27" s="60" t="s">
        <v>49</v>
      </c>
      <c r="G27" s="63">
        <f>F23+F26</f>
        <v>60418.46</v>
      </c>
    </row>
    <row r="28" spans="2:7" ht="15" thickTop="1" x14ac:dyDescent="0.3"/>
  </sheetData>
  <phoneticPr fontId="21" type="noConversion"/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13" workbookViewId="0">
      <selection activeCell="G32" sqref="G3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0</v>
      </c>
    </row>
    <row r="3" spans="1:8" x14ac:dyDescent="0.3">
      <c r="B3" s="8"/>
    </row>
    <row r="4" spans="1:8" x14ac:dyDescent="0.3">
      <c r="B4" t="s">
        <v>51</v>
      </c>
      <c r="C4" s="36">
        <f>'Accounting Statement'!C16</f>
        <v>279520</v>
      </c>
      <c r="D4" t="s">
        <v>64</v>
      </c>
      <c r="E4" s="36">
        <f>'Accounting Statement'!D16</f>
        <v>270520</v>
      </c>
    </row>
    <row r="6" spans="1:8" x14ac:dyDescent="0.3">
      <c r="D6" t="s">
        <v>3</v>
      </c>
      <c r="E6" s="1">
        <f>E4-C4</f>
        <v>-9000</v>
      </c>
    </row>
    <row r="7" spans="1:8" x14ac:dyDescent="0.3">
      <c r="D7" t="s">
        <v>37</v>
      </c>
      <c r="E7" s="6">
        <f>IF(AND(C4=0,E4=0),0,IF(C4=0,1,IF(E4=0,-1,(E4-C4)/C4)))</f>
        <v>-3.2198053806525476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5</v>
      </c>
    </row>
    <row r="10" spans="1:8" ht="15" x14ac:dyDescent="0.35">
      <c r="B10" s="19" t="s">
        <v>11</v>
      </c>
    </row>
    <row r="11" spans="1:8" ht="15" x14ac:dyDescent="0.35">
      <c r="B11" s="18" t="s">
        <v>55</v>
      </c>
    </row>
    <row r="12" spans="1:8" s="3" customFormat="1" ht="26.25" customHeight="1" x14ac:dyDescent="0.3">
      <c r="B12" s="4" t="s">
        <v>52</v>
      </c>
      <c r="C12" s="4" t="s">
        <v>65</v>
      </c>
      <c r="D12" s="5" t="s">
        <v>3</v>
      </c>
      <c r="E12" s="83" t="s">
        <v>1</v>
      </c>
      <c r="F12" s="84"/>
      <c r="G12" s="72" t="s">
        <v>59</v>
      </c>
      <c r="H12" s="73" t="s">
        <v>60</v>
      </c>
    </row>
    <row r="13" spans="1:8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3">
      <c r="B15" s="12"/>
      <c r="C15" s="12"/>
      <c r="D15" s="13">
        <f t="shared" si="0"/>
        <v>0</v>
      </c>
      <c r="E15" s="80"/>
      <c r="F15" s="81"/>
    </row>
    <row r="16" spans="1:8" s="11" customFormat="1" x14ac:dyDescent="0.3">
      <c r="B16" s="12"/>
      <c r="C16" s="12"/>
      <c r="D16" s="13">
        <f t="shared" si="0"/>
        <v>0</v>
      </c>
      <c r="E16" s="80"/>
      <c r="F16" s="81"/>
    </row>
    <row r="17" spans="1:12" s="11" customFormat="1" x14ac:dyDescent="0.3">
      <c r="B17" s="12"/>
      <c r="C17" s="12"/>
      <c r="D17" s="13">
        <f t="shared" si="0"/>
        <v>0</v>
      </c>
      <c r="E17" s="80"/>
      <c r="F17" s="81"/>
    </row>
    <row r="18" spans="1:12" s="11" customFormat="1" x14ac:dyDescent="0.3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3">
      <c r="B19" s="12"/>
      <c r="C19" s="12"/>
      <c r="D19" s="13">
        <f t="shared" si="0"/>
        <v>0</v>
      </c>
      <c r="E19" s="80"/>
      <c r="F19" s="81"/>
    </row>
    <row r="20" spans="1:12" s="11" customFormat="1" x14ac:dyDescent="0.3">
      <c r="B20" s="12"/>
      <c r="C20" s="12"/>
      <c r="D20" s="13">
        <f t="shared" si="0"/>
        <v>0</v>
      </c>
      <c r="E20" s="80"/>
      <c r="F20" s="81"/>
    </row>
    <row r="21" spans="1:12" s="11" customFormat="1" x14ac:dyDescent="0.3">
      <c r="B21" s="12"/>
      <c r="C21" s="12"/>
      <c r="D21" s="13">
        <f t="shared" si="0"/>
        <v>0</v>
      </c>
      <c r="E21" s="80"/>
      <c r="F21" s="81"/>
    </row>
    <row r="22" spans="1:12" s="11" customFormat="1" x14ac:dyDescent="0.3">
      <c r="B22" s="12"/>
      <c r="C22" s="12"/>
      <c r="D22" s="13">
        <f t="shared" si="0"/>
        <v>0</v>
      </c>
      <c r="E22" s="80"/>
      <c r="F22" s="81"/>
    </row>
    <row r="23" spans="1:12" s="11" customFormat="1" x14ac:dyDescent="0.3">
      <c r="B23" s="12"/>
      <c r="C23" s="12"/>
      <c r="D23" s="13">
        <f t="shared" si="0"/>
        <v>0</v>
      </c>
      <c r="E23" s="80"/>
      <c r="F23" s="81"/>
    </row>
    <row r="24" spans="1:12" s="11" customFormat="1" x14ac:dyDescent="0.3">
      <c r="B24" s="12"/>
      <c r="C24" s="12"/>
      <c r="D24" s="13">
        <f t="shared" si="0"/>
        <v>0</v>
      </c>
      <c r="E24" s="80"/>
      <c r="F24" s="81"/>
    </row>
    <row r="25" spans="1:12" s="11" customFormat="1" x14ac:dyDescent="0.3">
      <c r="B25" s="12"/>
      <c r="C25" s="12"/>
      <c r="D25" s="13">
        <f t="shared" si="0"/>
        <v>0</v>
      </c>
      <c r="E25" s="80"/>
      <c r="F25" s="81"/>
    </row>
    <row r="26" spans="1:12" s="11" customFormat="1" x14ac:dyDescent="0.3">
      <c r="B26" s="12"/>
      <c r="C26" s="12"/>
      <c r="D26" s="13">
        <f t="shared" si="0"/>
        <v>0</v>
      </c>
      <c r="E26" s="80"/>
      <c r="F26" s="81"/>
    </row>
    <row r="27" spans="1:12" s="11" customFormat="1" x14ac:dyDescent="0.3">
      <c r="B27" s="12"/>
      <c r="C27" s="12"/>
      <c r="D27" s="13">
        <f t="shared" si="0"/>
        <v>0</v>
      </c>
      <c r="E27" s="80"/>
      <c r="F27" s="81"/>
    </row>
    <row r="28" spans="1:12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12" x14ac:dyDescent="0.3">
      <c r="H29" s="2"/>
    </row>
    <row r="30" spans="1:12" x14ac:dyDescent="0.3">
      <c r="A30" s="14" t="s">
        <v>4</v>
      </c>
      <c r="F30" s="7"/>
    </row>
    <row r="32" spans="1:12" ht="15" x14ac:dyDescent="0.35">
      <c r="B32" s="18" t="s">
        <v>56</v>
      </c>
    </row>
    <row r="33" spans="1:8" x14ac:dyDescent="0.3">
      <c r="B33" t="s">
        <v>61</v>
      </c>
    </row>
    <row r="34" spans="1:8" x14ac:dyDescent="0.3">
      <c r="B34" t="s">
        <v>51</v>
      </c>
      <c r="C34" s="36">
        <f>'Accounting Statement'!C45</f>
        <v>0</v>
      </c>
      <c r="D34" t="s">
        <v>64</v>
      </c>
      <c r="E34" s="36">
        <f>'Accounting Statement'!D45</f>
        <v>0</v>
      </c>
    </row>
    <row r="36" spans="1:8" ht="41.4" x14ac:dyDescent="0.3">
      <c r="A36" s="3"/>
      <c r="B36" s="4" t="s">
        <v>52</v>
      </c>
      <c r="C36" s="4" t="s">
        <v>65</v>
      </c>
      <c r="D36" s="5" t="s">
        <v>3</v>
      </c>
      <c r="E36" s="83" t="s">
        <v>1</v>
      </c>
      <c r="F36" s="84"/>
      <c r="G36" s="72" t="s">
        <v>59</v>
      </c>
      <c r="H36" s="73" t="s">
        <v>60</v>
      </c>
    </row>
    <row r="37" spans="1:8" x14ac:dyDescent="0.3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2"/>
      <c r="F40" s="81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51</v>
      </c>
      <c r="C4" s="36">
        <f>'Accounting Statement'!C17</f>
        <v>0</v>
      </c>
      <c r="D4" t="s">
        <v>64</v>
      </c>
      <c r="E4" s="36">
        <f>'Accounting Statement'!D17</f>
        <v>0</v>
      </c>
    </row>
    <row r="6" spans="1:7" x14ac:dyDescent="0.3">
      <c r="D6" t="s">
        <v>3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5</v>
      </c>
    </row>
    <row r="10" spans="1:7" ht="15" x14ac:dyDescent="0.35">
      <c r="B10" s="18" t="s">
        <v>57</v>
      </c>
    </row>
    <row r="11" spans="1:7" s="3" customFormat="1" ht="27.6" x14ac:dyDescent="0.3">
      <c r="B11" s="4" t="s">
        <v>52</v>
      </c>
      <c r="C11" s="4" t="s">
        <v>65</v>
      </c>
      <c r="D11" s="5" t="s">
        <v>3</v>
      </c>
      <c r="E11" s="83" t="s">
        <v>1</v>
      </c>
      <c r="F11" s="84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2"/>
      <c r="F19" s="81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4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Amanda Owen</cp:lastModifiedBy>
  <cp:lastPrinted>2023-03-20T07:35:33Z</cp:lastPrinted>
  <dcterms:created xsi:type="dcterms:W3CDTF">2023-03-10T09:35:56Z</dcterms:created>
  <dcterms:modified xsi:type="dcterms:W3CDTF">2025-06-09T12:06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